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759AA079-F0AE-44E7-A96C-80F57BD8BDB3}" xr6:coauthVersionLast="36" xr6:coauthVersionMax="47" xr10:uidLastSave="{00000000-0000-0000-0000-000000000000}"/>
  <bookViews>
    <workbookView xWindow="4965" yWindow="2430" windowWidth="23670" windowHeight="12750" xr2:uid="{00000000-000D-0000-FFFF-FFFF00000000}"/>
  </bookViews>
  <sheets>
    <sheet name="FprKick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0" uniqueCount="12">
  <si>
    <t>ID</t>
  </si>
  <si>
    <t>BusinessID</t>
  </si>
  <si>
    <t>SlipType</t>
  </si>
  <si>
    <t>SlipNo</t>
  </si>
  <si>
    <t>PrnNo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D71D3D28-4B1C-426D-AE4D-DD8FC6F8131D}" name="テーブル1" displayName="テーブル1" ref="A1:E11" totalsRowShown="0">
  <autoFilter ref="A1:E11" xr:uid="{549829DC-73DE-417C-B32B-84B76D8BF07A}"/>
  <tableColumns count="5">
    <tableColumn id="1" xr3:uid="{DC9CB22E-F02C-4516-9C35-22D29B67E1DC}" name="ID"/>
    <tableColumn id="2" xr3:uid="{B2CBE237-5645-4F6A-84AE-14B9F76232F0}" name="TERMINATOR"/>
    <tableColumn id="3" xr3:uid="{D001DED7-E634-4121-A254-4970BAF38F2C}" name="MAX_LENGTH"/>
    <tableColumn id="4" xr3:uid="{3622C37A-902F-4C47-B790-4FC74FF48820}" name="SOURCE"/>
    <tableColumn id="5" xr3:uid="{15D8DB86-6255-4AE0-B2E9-ECECF5F3E5E8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1"/>
  <sheetViews>
    <sheetView tabSelected="1" workbookViewId="0">
      <selection sqref="A1:E1"/>
    </sheetView>
  </sheetViews>
  <sheetFormatPr defaultRowHeight="18.75" x14ac:dyDescent="0.4"/>
  <sheetData>
    <row r="1" spans="1:5" x14ac:dyDescent="0.4">
      <c r="A1" s="1" t="s">
        <v>0</v>
      </c>
      <c r="B1" s="2" t="s">
        <v>1</v>
      </c>
      <c r="C1" s="1" t="s">
        <v>2</v>
      </c>
      <c r="D1" s="2" t="s">
        <v>3</v>
      </c>
      <c r="E1" s="1" t="s">
        <v>4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11"/>
  <sheetViews>
    <sheetView workbookViewId="0">
      <selection sqref="A1:E11"/>
    </sheetView>
  </sheetViews>
  <sheetFormatPr defaultRowHeight="18.75" x14ac:dyDescent="0.4"/>
  <sheetData>
    <row r="1" spans="1:5" x14ac:dyDescent="0.4">
      <c r="A1" t="s">
        <v>5</v>
      </c>
      <c r="B1" t="s">
        <v>6</v>
      </c>
      <c r="C1" t="s">
        <v>7</v>
      </c>
      <c r="D1" t="s">
        <v>8</v>
      </c>
      <c r="E1" t="s">
        <v>9</v>
      </c>
    </row>
    <row r="2" spans="1:5" x14ac:dyDescent="0.4">
      <c r="A2">
        <v>1</v>
      </c>
      <c r="B2" s="3" t="s">
        <v>10</v>
      </c>
      <c r="C2">
        <v>12</v>
      </c>
      <c r="E2" s="3"/>
    </row>
    <row r="3" spans="1:5" x14ac:dyDescent="0.4">
      <c r="A3">
        <v>2</v>
      </c>
      <c r="B3" s="3" t="s">
        <v>10</v>
      </c>
      <c r="C3">
        <v>12</v>
      </c>
      <c r="E3" s="3"/>
    </row>
    <row r="4" spans="1:5" x14ac:dyDescent="0.4">
      <c r="A4">
        <v>3</v>
      </c>
      <c r="B4" s="3" t="s">
        <v>10</v>
      </c>
      <c r="C4">
        <v>12</v>
      </c>
      <c r="E4" s="3"/>
    </row>
    <row r="5" spans="1:5" x14ac:dyDescent="0.4">
      <c r="A5">
        <v>4</v>
      </c>
      <c r="B5" s="3" t="s">
        <v>10</v>
      </c>
      <c r="C5">
        <v>12</v>
      </c>
      <c r="E5" s="3"/>
    </row>
    <row r="6" spans="1:5" x14ac:dyDescent="0.4">
      <c r="A6">
        <v>5</v>
      </c>
      <c r="B6" s="3" t="s">
        <v>11</v>
      </c>
      <c r="C6">
        <v>12</v>
      </c>
      <c r="E6" s="3"/>
    </row>
    <row r="7" spans="1:5" x14ac:dyDescent="0.4">
      <c r="B7" s="3"/>
      <c r="D7">
        <v>1</v>
      </c>
      <c r="E7" s="3" t="s">
        <v>0</v>
      </c>
    </row>
    <row r="8" spans="1:5" x14ac:dyDescent="0.4">
      <c r="B8" s="3"/>
      <c r="D8">
        <v>2</v>
      </c>
      <c r="E8" s="3" t="s">
        <v>1</v>
      </c>
    </row>
    <row r="9" spans="1:5" x14ac:dyDescent="0.4">
      <c r="B9" s="3"/>
      <c r="D9">
        <v>3</v>
      </c>
      <c r="E9" s="3" t="s">
        <v>2</v>
      </c>
    </row>
    <row r="10" spans="1:5" x14ac:dyDescent="0.4">
      <c r="B10" s="3"/>
      <c r="D10">
        <v>4</v>
      </c>
      <c r="E10" s="3" t="s">
        <v>3</v>
      </c>
    </row>
    <row r="11" spans="1:5" x14ac:dyDescent="0.4">
      <c r="B11" s="3"/>
      <c r="D11">
        <v>5</v>
      </c>
      <c r="E11" s="3" t="s">
        <v>4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FprKick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3:26:10Z</dcterms:created>
  <dcterms:modified xsi:type="dcterms:W3CDTF">2024-02-26T04:45:40Z</dcterms:modified>
</cp:coreProperties>
</file>